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教育研究所" sheetId="1" r:id="rId1"/>
  </sheets>
  <definedNames>
    <definedName name="_xlnm.Print_Area" localSheetId="0">教育研究所!$B$2:$F$30</definedName>
  </definedNames>
  <calcPr calcId="125725"/>
</workbook>
</file>

<file path=xl/sharedStrings.xml><?xml version="1.0" encoding="utf-8"?>
<sst xmlns="http://schemas.openxmlformats.org/spreadsheetml/2006/main" count="133" uniqueCount="133">
  <si>
    <t>教育研究所</t>
    <rPh sb="0" eb="2">
      <t>キョウイク</t>
    </rPh>
    <rPh sb="2" eb="4">
      <t>ケンキュウ</t>
    </rPh>
    <rPh sb="4" eb="5">
      <t>ジョ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藤沢市善行7-1-1</t>
    <rPh sb="0" eb="3">
      <t>フジサワシ</t>
    </rPh>
    <rPh sb="3" eb="5">
      <t>ゼンギョウ</t>
    </rPh>
    <phoneticPr fontId="1"/>
  </si>
  <si>
    <t>横浜市教育センター</t>
    <rPh sb="0" eb="3">
      <t>ヨコハマシ</t>
    </rPh>
    <rPh sb="3" eb="5">
      <t>キョウイク</t>
    </rPh>
    <phoneticPr fontId="1"/>
  </si>
  <si>
    <t>川崎市総合教育センター</t>
    <rPh sb="0" eb="3">
      <t>カワサキシ</t>
    </rPh>
    <rPh sb="3" eb="5">
      <t>ソウゴウ</t>
    </rPh>
    <rPh sb="5" eb="7">
      <t>キョウイク</t>
    </rPh>
    <phoneticPr fontId="1"/>
  </si>
  <si>
    <t>川崎市高津区溝口6-9-3</t>
    <rPh sb="0" eb="3">
      <t>カワサキシ</t>
    </rPh>
    <rPh sb="3" eb="6">
      <t>タカツク</t>
    </rPh>
    <rPh sb="6" eb="8">
      <t>ミゾノクチ</t>
    </rPh>
    <phoneticPr fontId="1"/>
  </si>
  <si>
    <t>横須賀市教育研究所</t>
    <rPh sb="0" eb="4">
      <t>ヨコスカシ</t>
    </rPh>
    <rPh sb="4" eb="6">
      <t>キョウイク</t>
    </rPh>
    <rPh sb="6" eb="8">
      <t>ケンキュウ</t>
    </rPh>
    <rPh sb="8" eb="9">
      <t>ジョ</t>
    </rPh>
    <phoneticPr fontId="1"/>
  </si>
  <si>
    <t>横須賀市久里浜6-14-3</t>
    <rPh sb="0" eb="4">
      <t>ヨコスカシ</t>
    </rPh>
    <rPh sb="4" eb="7">
      <t>クリハマ</t>
    </rPh>
    <phoneticPr fontId="1"/>
  </si>
  <si>
    <t>平塚市教育研究所</t>
    <rPh sb="0" eb="3">
      <t>ヒラツカシ</t>
    </rPh>
    <rPh sb="3" eb="5">
      <t>キョウイク</t>
    </rPh>
    <rPh sb="5" eb="7">
      <t>ケンキュウ</t>
    </rPh>
    <rPh sb="7" eb="8">
      <t>ジョ</t>
    </rPh>
    <phoneticPr fontId="1"/>
  </si>
  <si>
    <t>平塚市浅間町12-41</t>
    <rPh sb="0" eb="3">
      <t>ヒラツカシ</t>
    </rPh>
    <rPh sb="3" eb="6">
      <t>アサマチョウ</t>
    </rPh>
    <phoneticPr fontId="1"/>
  </si>
  <si>
    <t>鎌倉市教育センター</t>
    <rPh sb="0" eb="3">
      <t>カマクラシ</t>
    </rPh>
    <rPh sb="3" eb="5">
      <t>キョウイク</t>
    </rPh>
    <phoneticPr fontId="1"/>
  </si>
  <si>
    <t>藤沢市教育文化センター</t>
    <rPh sb="0" eb="3">
      <t>フジサワシ</t>
    </rPh>
    <rPh sb="3" eb="5">
      <t>キョウイク</t>
    </rPh>
    <rPh sb="5" eb="7">
      <t>ブンカ</t>
    </rPh>
    <phoneticPr fontId="1"/>
  </si>
  <si>
    <t>藤沢市大鋸1407-1</t>
    <rPh sb="0" eb="3">
      <t>フジサワシ</t>
    </rPh>
    <rPh sb="3" eb="4">
      <t>オオ</t>
    </rPh>
    <rPh sb="4" eb="5">
      <t>ノコギリ</t>
    </rPh>
    <phoneticPr fontId="1"/>
  </si>
  <si>
    <t>小田原市教育研究所</t>
    <rPh sb="0" eb="4">
      <t>オダワラシ</t>
    </rPh>
    <rPh sb="4" eb="6">
      <t>キョウイク</t>
    </rPh>
    <rPh sb="6" eb="8">
      <t>ケンキュウ</t>
    </rPh>
    <rPh sb="8" eb="9">
      <t>ジョ</t>
    </rPh>
    <phoneticPr fontId="1"/>
  </si>
  <si>
    <t>小田原市荻窪300</t>
    <rPh sb="0" eb="4">
      <t>オダワラシ</t>
    </rPh>
    <rPh sb="4" eb="6">
      <t>オギクボ</t>
    </rPh>
    <phoneticPr fontId="1"/>
  </si>
  <si>
    <t>茅ヶ崎市十間坂3-5-37</t>
    <rPh sb="0" eb="4">
      <t>チガサキシ</t>
    </rPh>
    <rPh sb="4" eb="5">
      <t>トオ</t>
    </rPh>
    <rPh sb="5" eb="6">
      <t>マ</t>
    </rPh>
    <rPh sb="6" eb="7">
      <t>ザカ</t>
    </rPh>
    <phoneticPr fontId="1"/>
  </si>
  <si>
    <t>秦野市教育研究所</t>
    <rPh sb="0" eb="3">
      <t>ハダノシ</t>
    </rPh>
    <rPh sb="3" eb="5">
      <t>キョウイク</t>
    </rPh>
    <rPh sb="5" eb="7">
      <t>ケンキュウ</t>
    </rPh>
    <rPh sb="7" eb="8">
      <t>ジョ</t>
    </rPh>
    <phoneticPr fontId="1"/>
  </si>
  <si>
    <t>厚木市教育研究所</t>
    <rPh sb="0" eb="3">
      <t>アツギシ</t>
    </rPh>
    <rPh sb="3" eb="5">
      <t>キョウイク</t>
    </rPh>
    <rPh sb="5" eb="7">
      <t>ケンキュウ</t>
    </rPh>
    <rPh sb="7" eb="8">
      <t>ジョ</t>
    </rPh>
    <phoneticPr fontId="1"/>
  </si>
  <si>
    <t>厚木市中町3-17-17</t>
    <rPh sb="0" eb="3">
      <t>アツギシ</t>
    </rPh>
    <rPh sb="3" eb="5">
      <t>ナカマチ</t>
    </rPh>
    <phoneticPr fontId="1"/>
  </si>
  <si>
    <t>大和市教育研究所</t>
    <rPh sb="0" eb="2">
      <t>ヤマト</t>
    </rPh>
    <rPh sb="2" eb="3">
      <t>シ</t>
    </rPh>
    <rPh sb="3" eb="5">
      <t>キョウイク</t>
    </rPh>
    <rPh sb="5" eb="7">
      <t>ケンキュウ</t>
    </rPh>
    <rPh sb="7" eb="8">
      <t>ジョ</t>
    </rPh>
    <phoneticPr fontId="1"/>
  </si>
  <si>
    <t>大和市下鶴間1-1-1</t>
    <rPh sb="0" eb="2">
      <t>ヤマト</t>
    </rPh>
    <rPh sb="2" eb="3">
      <t>シ</t>
    </rPh>
    <rPh sb="3" eb="6">
      <t>シモツルマ</t>
    </rPh>
    <phoneticPr fontId="1"/>
  </si>
  <si>
    <t>座間市教育研究所</t>
    <rPh sb="0" eb="3">
      <t>ザマシ</t>
    </rPh>
    <rPh sb="3" eb="5">
      <t>キョウイク</t>
    </rPh>
    <rPh sb="5" eb="7">
      <t>ケンキュウ</t>
    </rPh>
    <rPh sb="7" eb="8">
      <t>ジョ</t>
    </rPh>
    <phoneticPr fontId="1"/>
  </si>
  <si>
    <t>綾瀬市教育研究所</t>
    <rPh sb="0" eb="3">
      <t>アヤセシ</t>
    </rPh>
    <rPh sb="3" eb="5">
      <t>キョウイク</t>
    </rPh>
    <rPh sb="5" eb="7">
      <t>ケンキュウ</t>
    </rPh>
    <rPh sb="7" eb="8">
      <t>ジョ</t>
    </rPh>
    <phoneticPr fontId="1"/>
  </si>
  <si>
    <t>綾瀬市早川550</t>
    <rPh sb="0" eb="3">
      <t>アヤセシ</t>
    </rPh>
    <rPh sb="3" eb="5">
      <t>ハヤカワ</t>
    </rPh>
    <phoneticPr fontId="1"/>
  </si>
  <si>
    <t>伊勢原市教育センター</t>
    <rPh sb="0" eb="4">
      <t>イセハラシ</t>
    </rPh>
    <rPh sb="4" eb="6">
      <t>キョウイク</t>
    </rPh>
    <phoneticPr fontId="1"/>
  </si>
  <si>
    <t>南足柄市教育研究所</t>
    <rPh sb="0" eb="4">
      <t>ミナミアシガラシ</t>
    </rPh>
    <rPh sb="4" eb="6">
      <t>キョウイク</t>
    </rPh>
    <rPh sb="6" eb="8">
      <t>ケンキュウ</t>
    </rPh>
    <rPh sb="8" eb="9">
      <t>ジョ</t>
    </rPh>
    <phoneticPr fontId="1"/>
  </si>
  <si>
    <t>南足柄市関本440</t>
    <rPh sb="0" eb="4">
      <t>ミナミアシガラシ</t>
    </rPh>
    <rPh sb="4" eb="6">
      <t>セキモト</t>
    </rPh>
    <phoneticPr fontId="1"/>
  </si>
  <si>
    <t>葉山町教育研究所</t>
    <rPh sb="0" eb="2">
      <t>ハヤマ</t>
    </rPh>
    <rPh sb="2" eb="3">
      <t>マチ</t>
    </rPh>
    <rPh sb="3" eb="5">
      <t>キョウイク</t>
    </rPh>
    <rPh sb="5" eb="7">
      <t>ケンキュウ</t>
    </rPh>
    <rPh sb="7" eb="8">
      <t>ジョ</t>
    </rPh>
    <phoneticPr fontId="1"/>
  </si>
  <si>
    <t>寒川町教育研究室</t>
    <rPh sb="0" eb="3">
      <t>サムカワマチ</t>
    </rPh>
    <rPh sb="3" eb="5">
      <t>キョウイク</t>
    </rPh>
    <rPh sb="5" eb="7">
      <t>ケンキュウ</t>
    </rPh>
    <rPh sb="7" eb="8">
      <t>シツ</t>
    </rPh>
    <phoneticPr fontId="1"/>
  </si>
  <si>
    <t>愛川町教育開発センター</t>
    <rPh sb="0" eb="2">
      <t>アイカワ</t>
    </rPh>
    <rPh sb="2" eb="3">
      <t>マチ</t>
    </rPh>
    <rPh sb="3" eb="5">
      <t>キョウイク</t>
    </rPh>
    <rPh sb="5" eb="7">
      <t>カイハツ</t>
    </rPh>
    <phoneticPr fontId="1"/>
  </si>
  <si>
    <t>二宮町教育研究所</t>
    <rPh sb="0" eb="3">
      <t>ニノミヤマチ</t>
    </rPh>
    <rPh sb="3" eb="5">
      <t>キョウイク</t>
    </rPh>
    <rPh sb="5" eb="7">
      <t>ケンキュウ</t>
    </rPh>
    <rPh sb="7" eb="8">
      <t>ジョ</t>
    </rPh>
    <phoneticPr fontId="1"/>
  </si>
  <si>
    <t>三浦市教育研究所</t>
    <rPh sb="0" eb="3">
      <t>ミウラシ</t>
    </rPh>
    <rPh sb="3" eb="5">
      <t>キョウイク</t>
    </rPh>
    <rPh sb="5" eb="7">
      <t>ケンキュウ</t>
    </rPh>
    <rPh sb="7" eb="8">
      <t>ジョ</t>
    </rPh>
    <phoneticPr fontId="1"/>
  </si>
  <si>
    <t>239-0831</t>
    <phoneticPr fontId="1"/>
  </si>
  <si>
    <t>250-8555</t>
    <phoneticPr fontId="1"/>
  </si>
  <si>
    <t>相模原市中央区中央3-12-10</t>
    <rPh sb="0" eb="4">
      <t>サガミハラシ</t>
    </rPh>
    <rPh sb="4" eb="7">
      <t>チュウオウク</t>
    </rPh>
    <rPh sb="7" eb="9">
      <t>チュウオウ</t>
    </rPh>
    <phoneticPr fontId="1"/>
  </si>
  <si>
    <t>茅ヶ崎市教育センター</t>
    <rPh sb="0" eb="4">
      <t>チガサキシ</t>
    </rPh>
    <rPh sb="4" eb="6">
      <t>キョウイク</t>
    </rPh>
    <phoneticPr fontId="1"/>
  </si>
  <si>
    <t>横浜市特別支援教育総合センター</t>
    <rPh sb="0" eb="3">
      <t>ヨコハマシ</t>
    </rPh>
    <rPh sb="3" eb="5">
      <t>トクベツ</t>
    </rPh>
    <rPh sb="5" eb="7">
      <t>シエン</t>
    </rPh>
    <rPh sb="7" eb="9">
      <t>キョウイク</t>
    </rPh>
    <rPh sb="9" eb="11">
      <t>ソウゴウ</t>
    </rPh>
    <phoneticPr fontId="1"/>
  </si>
  <si>
    <t>横浜市保土ケ谷区仏向町845-2</t>
    <rPh sb="0" eb="3">
      <t>ヨコハマシ</t>
    </rPh>
    <rPh sb="3" eb="7">
      <t>ホドガヤ</t>
    </rPh>
    <rPh sb="7" eb="8">
      <t>ク</t>
    </rPh>
    <rPh sb="8" eb="11">
      <t>ブッコウチョウ</t>
    </rPh>
    <phoneticPr fontId="1"/>
  </si>
  <si>
    <t>251-0871</t>
    <phoneticPr fontId="1"/>
  </si>
  <si>
    <t>240-0044</t>
    <phoneticPr fontId="1"/>
  </si>
  <si>
    <t>213-0001</t>
    <phoneticPr fontId="1"/>
  </si>
  <si>
    <t>252-0239</t>
    <phoneticPr fontId="1"/>
  </si>
  <si>
    <t>254-0041</t>
    <phoneticPr fontId="1"/>
  </si>
  <si>
    <t>251-0002</t>
    <phoneticPr fontId="1"/>
  </si>
  <si>
    <t>253-0045</t>
    <phoneticPr fontId="1"/>
  </si>
  <si>
    <t>249-0005</t>
    <phoneticPr fontId="1"/>
  </si>
  <si>
    <t>243-8511</t>
    <phoneticPr fontId="1"/>
  </si>
  <si>
    <t>242-8601</t>
    <phoneticPr fontId="1"/>
  </si>
  <si>
    <t>252-8566</t>
    <phoneticPr fontId="1"/>
  </si>
  <si>
    <t>250-0192</t>
    <phoneticPr fontId="1"/>
  </si>
  <si>
    <t>252-1192</t>
    <phoneticPr fontId="1"/>
  </si>
  <si>
    <t>240-0112</t>
    <phoneticPr fontId="1"/>
  </si>
  <si>
    <t>253-0196</t>
    <phoneticPr fontId="1"/>
  </si>
  <si>
    <t>259-0196</t>
    <phoneticPr fontId="1"/>
  </si>
  <si>
    <t>243-0392</t>
    <phoneticPr fontId="1"/>
  </si>
  <si>
    <t>(0466)81-0188</t>
  </si>
  <si>
    <t>(0466)83-4660</t>
  </si>
  <si>
    <t>(0466)50-8300</t>
  </si>
  <si>
    <t>(0466)82-4764</t>
  </si>
  <si>
    <t>(045)671-3732</t>
  </si>
  <si>
    <t>(045)664-5499</t>
  </si>
  <si>
    <t>(045)336-6020</t>
  </si>
  <si>
    <t>(045)333-1455</t>
  </si>
  <si>
    <t>(044)844-3600</t>
  </si>
  <si>
    <t>(044)844-3604</t>
  </si>
  <si>
    <t>(042)758-8146</t>
  </si>
  <si>
    <t>(046)836-2443</t>
  </si>
  <si>
    <t>(046)836-2445</t>
  </si>
  <si>
    <t>(046)872-2898</t>
  </si>
  <si>
    <t>(046)872-3116</t>
  </si>
  <si>
    <t>(046)882-1111</t>
  </si>
  <si>
    <t>(046)875-7295</t>
  </si>
  <si>
    <t>(046)225-2680</t>
  </si>
  <si>
    <t>(046)222-2350</t>
  </si>
  <si>
    <t>(046)260-5213</t>
  </si>
  <si>
    <t>(046)263-9832</t>
  </si>
  <si>
    <t>(046)252-8460</t>
  </si>
  <si>
    <t>(046)252-4311</t>
  </si>
  <si>
    <t>(046)285-2111</t>
  </si>
  <si>
    <t>(046)286-4588</t>
  </si>
  <si>
    <t>(0467)23-3000</t>
  </si>
  <si>
    <t>(0467)24-5569</t>
  </si>
  <si>
    <t>(0467)86-9965</t>
  </si>
  <si>
    <t>(0467)88-1394</t>
  </si>
  <si>
    <t>(0467)73-4639</t>
  </si>
  <si>
    <t>(0467)73-4649</t>
  </si>
  <si>
    <t>(0467)70-5659</t>
  </si>
  <si>
    <t>(0467)70-5705</t>
  </si>
  <si>
    <t>(0463)33-2121</t>
  </si>
  <si>
    <t>(0463)36-3177</t>
  </si>
  <si>
    <t>(0463)60-3670</t>
  </si>
  <si>
    <t>(0463)73-4050</t>
  </si>
  <si>
    <t>(0465)73-8061</t>
  </si>
  <si>
    <t>(0465)73-3743</t>
  </si>
  <si>
    <t>(0465)32-7855</t>
  </si>
  <si>
    <t>(046)876-1861</t>
    <phoneticPr fontId="1"/>
  </si>
  <si>
    <t>逗子市教育研究相談センター</t>
    <rPh sb="0" eb="3">
      <t>ズシシ</t>
    </rPh>
    <rPh sb="3" eb="5">
      <t>キョウイク</t>
    </rPh>
    <rPh sb="5" eb="7">
      <t>ケンキュウ</t>
    </rPh>
    <rPh sb="7" eb="9">
      <t>ソウダン</t>
    </rPh>
    <phoneticPr fontId="1"/>
  </si>
  <si>
    <t>相模原市教育センター</t>
    <rPh sb="0" eb="4">
      <t>サガミハラシ</t>
    </rPh>
    <rPh sb="4" eb="6">
      <t>キョウイク</t>
    </rPh>
    <phoneticPr fontId="1"/>
  </si>
  <si>
    <t>逗子市桜山5-20-29</t>
    <rPh sb="0" eb="3">
      <t>ズシシ</t>
    </rPh>
    <rPh sb="3" eb="5">
      <t>サクラヤマ</t>
    </rPh>
    <phoneticPr fontId="1"/>
  </si>
  <si>
    <t>ファクシミリ</t>
    <phoneticPr fontId="1"/>
  </si>
  <si>
    <t>伊勢原市田中348</t>
    <rPh sb="0" eb="4">
      <t>イセハラシ</t>
    </rPh>
    <rPh sb="4" eb="6">
      <t>タナカ</t>
    </rPh>
    <phoneticPr fontId="1"/>
  </si>
  <si>
    <t>(0463)74-5253</t>
    <phoneticPr fontId="1"/>
  </si>
  <si>
    <t>大磯町横溝千鶴子記念教育研究所</t>
    <rPh sb="0" eb="3">
      <t>オオイソマチ</t>
    </rPh>
    <rPh sb="3" eb="5">
      <t>ヨコミゾ</t>
    </rPh>
    <rPh sb="5" eb="8">
      <t>チヅコ</t>
    </rPh>
    <rPh sb="8" eb="10">
      <t>キネン</t>
    </rPh>
    <rPh sb="10" eb="12">
      <t>キョウイク</t>
    </rPh>
    <rPh sb="12" eb="14">
      <t>ケンキュウ</t>
    </rPh>
    <rPh sb="14" eb="15">
      <t>ジョ</t>
    </rPh>
    <phoneticPr fontId="1"/>
  </si>
  <si>
    <t>255-0004</t>
    <phoneticPr fontId="1"/>
  </si>
  <si>
    <t>(0463)75-9261</t>
    <phoneticPr fontId="1"/>
  </si>
  <si>
    <t>259-1188</t>
    <phoneticPr fontId="1"/>
  </si>
  <si>
    <t>(0463)95-7615</t>
    <phoneticPr fontId="1"/>
  </si>
  <si>
    <r>
      <rPr>
        <sz val="11"/>
        <rFont val="ＭＳ Ｐゴシック"/>
        <family val="3"/>
        <charset val="128"/>
      </rPr>
      <t>施設名</t>
    </r>
    <rPh sb="0" eb="2">
      <t>シセツ</t>
    </rPh>
    <rPh sb="2" eb="3">
      <t>メイ</t>
    </rPh>
    <phoneticPr fontId="1"/>
  </si>
  <si>
    <r>
      <t>(042)756-3</t>
    </r>
    <r>
      <rPr>
        <sz val="11"/>
        <rFont val="ＭＳ Ｐゴシック"/>
        <family val="3"/>
        <charset val="128"/>
      </rPr>
      <t>647</t>
    </r>
    <phoneticPr fontId="1"/>
  </si>
  <si>
    <r>
      <t>238-02</t>
    </r>
    <r>
      <rPr>
        <sz val="11"/>
        <rFont val="ＭＳ Ｐゴシック"/>
        <family val="3"/>
        <charset val="128"/>
      </rPr>
      <t>98</t>
    </r>
    <phoneticPr fontId="1"/>
  </si>
  <si>
    <r>
      <t>三浦市城山町1</t>
    </r>
    <r>
      <rPr>
        <sz val="11"/>
        <rFont val="ＭＳ Ｐゴシック"/>
        <family val="3"/>
        <charset val="128"/>
      </rPr>
      <t>-1</t>
    </r>
    <rPh sb="0" eb="3">
      <t>ミウラシ</t>
    </rPh>
    <rPh sb="3" eb="5">
      <t>シロヤマ</t>
    </rPh>
    <rPh sb="5" eb="6">
      <t>マチ</t>
    </rPh>
    <phoneticPr fontId="1"/>
  </si>
  <si>
    <r>
      <t>(046)88</t>
    </r>
    <r>
      <rPr>
        <sz val="11"/>
        <rFont val="ＭＳ Ｐゴシック"/>
        <family val="3"/>
        <charset val="128"/>
      </rPr>
      <t>2-1160</t>
    </r>
    <phoneticPr fontId="1"/>
  </si>
  <si>
    <t>三浦郡葉山町堀内2050-9</t>
    <rPh sb="0" eb="3">
      <t>ミウラグン</t>
    </rPh>
    <rPh sb="3" eb="6">
      <t>ハヤママチ</t>
    </rPh>
    <rPh sb="6" eb="8">
      <t>ホリウチ</t>
    </rPh>
    <phoneticPr fontId="1"/>
  </si>
  <si>
    <t>高座郡寒川町宮山165</t>
    <rPh sb="0" eb="3">
      <t>コウザグン</t>
    </rPh>
    <rPh sb="3" eb="6">
      <t>サムカワマチ</t>
    </rPh>
    <rPh sb="6" eb="8">
      <t>ミヤヤマ</t>
    </rPh>
    <phoneticPr fontId="1"/>
  </si>
  <si>
    <t>中郡大磯町東小磯424-2</t>
    <rPh sb="0" eb="2">
      <t>ナカグン</t>
    </rPh>
    <rPh sb="2" eb="5">
      <t>オオイソマチ</t>
    </rPh>
    <rPh sb="5" eb="8">
      <t>ヒガシコイソ</t>
    </rPh>
    <phoneticPr fontId="1"/>
  </si>
  <si>
    <t>中郡二宮町二宮961</t>
    <rPh sb="0" eb="2">
      <t>ナカグン</t>
    </rPh>
    <rPh sb="2" eb="5">
      <t>ニノミヤマチ</t>
    </rPh>
    <rPh sb="5" eb="7">
      <t>ニノミヤ</t>
    </rPh>
    <phoneticPr fontId="1"/>
  </si>
  <si>
    <t>愛甲郡愛川町角田251-1</t>
    <rPh sb="0" eb="3">
      <t>アイコウグン</t>
    </rPh>
    <rPh sb="3" eb="6">
      <t>アイカワマチ</t>
    </rPh>
    <rPh sb="6" eb="8">
      <t>スミダ</t>
    </rPh>
    <phoneticPr fontId="1"/>
  </si>
  <si>
    <t>座間市緑ケ丘1-1-1</t>
    <rPh sb="0" eb="3">
      <t>ザマシ</t>
    </rPh>
    <rPh sb="3" eb="6">
      <t>ミドリガオカ</t>
    </rPh>
    <phoneticPr fontId="1"/>
  </si>
  <si>
    <t>神奈川県立総合教育センター</t>
    <rPh sb="0" eb="5">
      <t>カナガワケンリツ</t>
    </rPh>
    <rPh sb="5" eb="7">
      <t>ソウゴウ</t>
    </rPh>
    <rPh sb="7" eb="9">
      <t>キョウイク</t>
    </rPh>
    <phoneticPr fontId="1"/>
  </si>
  <si>
    <t>231-0005</t>
    <phoneticPr fontId="1"/>
  </si>
  <si>
    <t>(0465)33-1730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r>
      <t>257-</t>
    </r>
    <r>
      <rPr>
        <sz val="11"/>
        <rFont val="ＭＳ Ｐゴシック"/>
        <family val="3"/>
        <charset val="128"/>
      </rPr>
      <t>0003</t>
    </r>
    <phoneticPr fontId="1"/>
  </si>
  <si>
    <r>
      <t>秦野市南矢名</t>
    </r>
    <r>
      <rPr>
        <sz val="11"/>
        <rFont val="ＭＳ Ｐゴシック"/>
        <family val="3"/>
        <charset val="128"/>
      </rPr>
      <t>3-11-1</t>
    </r>
    <rPh sb="0" eb="3">
      <t>ハダノシ</t>
    </rPh>
    <rPh sb="3" eb="6">
      <t>ミナミヤナ</t>
    </rPh>
    <phoneticPr fontId="1"/>
  </si>
  <si>
    <r>
      <t>(0463)</t>
    </r>
    <r>
      <rPr>
        <sz val="11"/>
        <rFont val="ＭＳ Ｐゴシック"/>
        <family val="3"/>
        <charset val="128"/>
      </rPr>
      <t>77-1843</t>
    </r>
    <phoneticPr fontId="1"/>
  </si>
  <si>
    <r>
      <t>(0463)</t>
    </r>
    <r>
      <rPr>
        <sz val="11"/>
        <rFont val="ＭＳ Ｐゴシック"/>
        <family val="3"/>
        <charset val="128"/>
      </rPr>
      <t>78-1124</t>
    </r>
    <phoneticPr fontId="1"/>
  </si>
  <si>
    <t>横浜市中区本町6-50-10 市庁舎14階</t>
    <rPh sb="0" eb="2">
      <t>ヨコハマ</t>
    </rPh>
    <rPh sb="2" eb="3">
      <t>シ</t>
    </rPh>
    <rPh sb="3" eb="4">
      <t>ナカ</t>
    </rPh>
    <rPh sb="4" eb="5">
      <t>ク</t>
    </rPh>
    <rPh sb="5" eb="7">
      <t>ホンマチ</t>
    </rPh>
    <rPh sb="15" eb="18">
      <t>シチョウシャ</t>
    </rPh>
    <rPh sb="20" eb="21">
      <t>カイ</t>
    </rPh>
    <phoneticPr fontId="1"/>
  </si>
  <si>
    <t>248-8686</t>
    <phoneticPr fontId="1"/>
  </si>
  <si>
    <t>鎌倉市御成町18-10　鎌倉市役所第4分庁舎</t>
    <rPh sb="0" eb="3">
      <t>カマクラシ</t>
    </rPh>
    <rPh sb="3" eb="6">
      <t>オナリチョウ</t>
    </rPh>
    <rPh sb="12" eb="15">
      <t>カマクラシ</t>
    </rPh>
    <rPh sb="15" eb="17">
      <t>ヤクショ</t>
    </rPh>
    <rPh sb="17" eb="18">
      <t>ダイ</t>
    </rPh>
    <rPh sb="19" eb="20">
      <t>フン</t>
    </rPh>
    <rPh sb="20" eb="22">
      <t>チョウシャ</t>
    </rPh>
    <phoneticPr fontId="1"/>
  </si>
  <si>
    <t>　※令和6年10月1日から令和8年3月31日まで施設改修のため仮移転（平塚市浅間町９－１へ）</t>
    <rPh sb="2" eb="4">
      <t>レイワ</t>
    </rPh>
    <rPh sb="5" eb="6">
      <t>ネン</t>
    </rPh>
    <rPh sb="8" eb="9">
      <t>ガツ</t>
    </rPh>
    <rPh sb="10" eb="11">
      <t>ニチ</t>
    </rPh>
    <rPh sb="13" eb="15">
      <t>レイワ</t>
    </rPh>
    <rPh sb="16" eb="17">
      <t>ネン</t>
    </rPh>
    <rPh sb="18" eb="19">
      <t>ガツ</t>
    </rPh>
    <rPh sb="21" eb="22">
      <t>ニチ</t>
    </rPh>
    <rPh sb="24" eb="26">
      <t>シセツ</t>
    </rPh>
    <rPh sb="26" eb="28">
      <t>カイシュウ</t>
    </rPh>
    <rPh sb="31" eb="32">
      <t>カリ</t>
    </rPh>
    <rPh sb="32" eb="34">
      <t>イテン</t>
    </rPh>
    <rPh sb="35" eb="38">
      <t>ヒラツカシ</t>
    </rPh>
    <rPh sb="38" eb="41">
      <t>センゲンチョウ</t>
    </rPh>
    <phoneticPr fontId="1"/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0">
    <xf numFmtId="0" fontId="0" fillId="0" borderId="0" xfId="0"/>
    <xf numFmtId="0" fontId="2" fillId="0" borderId="0" xfId="0" applyFont="1" applyBorder="1" applyAlignment="1">
      <alignment vertical="top"/>
    </xf>
    <xf numFmtId="0" fontId="0" fillId="0" borderId="0" xfId="0" applyFill="1"/>
    <xf numFmtId="0" fontId="3" fillId="0" borderId="0" xfId="0" applyFont="1" applyAlignment="1">
      <alignment horizontal="center" vertical="center"/>
    </xf>
    <xf numFmtId="0" fontId="3" fillId="0" borderId="0" xfId="0" applyFont="1"/>
    <xf numFmtId="0" fontId="3" fillId="0" borderId="0" xfId="0" applyFont="1" applyAlignment="1">
      <alignment horizontal="center"/>
    </xf>
    <xf numFmtId="0" fontId="0" fillId="0" borderId="0" xfId="0" applyFont="1" applyFill="1" applyBorder="1" applyAlignment="1">
      <alignment horizontal="center"/>
    </xf>
    <xf numFmtId="0" fontId="0" fillId="0" borderId="0" xfId="0" applyFont="1" applyFill="1" applyBorder="1" applyAlignment="1">
      <alignment horizontal="left"/>
    </xf>
    <xf numFmtId="0" fontId="3" fillId="0" borderId="0" xfId="0" applyFont="1" applyBorder="1" applyAlignment="1">
      <alignment horizontal="center"/>
    </xf>
    <xf numFmtId="0" fontId="0" fillId="2" borderId="4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/>
    </xf>
    <xf numFmtId="0" fontId="0" fillId="2" borderId="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0" xfId="0" applyFont="1"/>
    <xf numFmtId="0" fontId="0" fillId="0" borderId="6" xfId="0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vertical="center" shrinkToFit="1"/>
    </xf>
    <xf numFmtId="0" fontId="0" fillId="0" borderId="7" xfId="0" applyFont="1" applyFill="1" applyBorder="1" applyAlignment="1">
      <alignment horizontal="center" vertical="center" shrinkToFit="1"/>
    </xf>
    <xf numFmtId="0" fontId="0" fillId="0" borderId="8" xfId="0" applyFont="1" applyFill="1" applyBorder="1" applyAlignment="1">
      <alignment vertical="center" shrinkToFit="1"/>
    </xf>
    <xf numFmtId="0" fontId="0" fillId="0" borderId="9" xfId="0" applyFont="1" applyFill="1" applyBorder="1" applyAlignment="1">
      <alignment horizontal="center" vertical="center" shrinkToFit="1"/>
    </xf>
    <xf numFmtId="0" fontId="0" fillId="0" borderId="11" xfId="0" applyFont="1" applyFill="1" applyBorder="1" applyAlignment="1">
      <alignment horizontal="center" vertical="center" shrinkToFit="1"/>
    </xf>
    <xf numFmtId="0" fontId="0" fillId="0" borderId="12" xfId="0" applyFont="1" applyFill="1" applyBorder="1" applyAlignment="1">
      <alignment vertical="center" shrinkToFit="1"/>
    </xf>
    <xf numFmtId="0" fontId="0" fillId="0" borderId="14" xfId="0" applyFont="1" applyFill="1" applyBorder="1" applyAlignment="1">
      <alignment horizontal="center" vertical="center" shrinkToFit="1"/>
    </xf>
    <xf numFmtId="0" fontId="0" fillId="0" borderId="15" xfId="0" applyFont="1" applyFill="1" applyBorder="1" applyAlignment="1">
      <alignment horizontal="center" vertical="center" shrinkToFit="1"/>
    </xf>
    <xf numFmtId="0" fontId="3" fillId="0" borderId="19" xfId="0" applyFont="1" applyBorder="1" applyAlignment="1">
      <alignment vertical="center" shrinkToFit="1"/>
    </xf>
    <xf numFmtId="0" fontId="3" fillId="0" borderId="20" xfId="0" applyFont="1" applyBorder="1" applyAlignment="1">
      <alignment horizontal="center" vertical="center" shrinkToFit="1"/>
    </xf>
    <xf numFmtId="0" fontId="3" fillId="0" borderId="21" xfId="0" applyFont="1" applyBorder="1" applyAlignment="1">
      <alignment horizontal="center" vertical="center" shrinkToFit="1"/>
    </xf>
    <xf numFmtId="0" fontId="3" fillId="0" borderId="22" xfId="0" applyFont="1" applyBorder="1" applyAlignment="1">
      <alignment horizontal="center" vertical="center" shrinkToFit="1"/>
    </xf>
    <xf numFmtId="0" fontId="0" fillId="3" borderId="10" xfId="0" applyFont="1" applyFill="1" applyBorder="1" applyAlignment="1">
      <alignment vertical="center" shrinkToFit="1"/>
    </xf>
    <xf numFmtId="0" fontId="0" fillId="3" borderId="9" xfId="0" applyFont="1" applyFill="1" applyBorder="1" applyAlignment="1">
      <alignment vertical="center" shrinkToFit="1"/>
    </xf>
    <xf numFmtId="0" fontId="0" fillId="3" borderId="18" xfId="0" applyFont="1" applyFill="1" applyBorder="1" applyAlignment="1">
      <alignment vertical="center" shrinkToFit="1"/>
    </xf>
    <xf numFmtId="0" fontId="0" fillId="3" borderId="17" xfId="0" applyFont="1" applyFill="1" applyBorder="1" applyAlignment="1">
      <alignment vertical="center" shrinkToFit="1"/>
    </xf>
    <xf numFmtId="0" fontId="0" fillId="0" borderId="5" xfId="0" applyFont="1" applyFill="1" applyBorder="1" applyAlignment="1">
      <alignment vertical="center" shrinkToFit="1"/>
    </xf>
    <xf numFmtId="0" fontId="0" fillId="0" borderId="13" xfId="0" applyFont="1" applyFill="1" applyBorder="1" applyAlignment="1">
      <alignment vertical="center" shrinkToFit="1"/>
    </xf>
    <xf numFmtId="0" fontId="0" fillId="0" borderId="9" xfId="0" applyFont="1" applyFill="1" applyBorder="1" applyAlignment="1">
      <alignment vertical="center" shrinkToFit="1"/>
    </xf>
    <xf numFmtId="0" fontId="0" fillId="0" borderId="16" xfId="0" applyFont="1" applyFill="1" applyBorder="1" applyAlignment="1">
      <alignment horizontal="center" vertical="center" shrinkToFit="1"/>
    </xf>
    <xf numFmtId="0" fontId="0" fillId="0" borderId="8" xfId="0" applyFont="1" applyFill="1" applyBorder="1" applyAlignment="1">
      <alignment vertical="center" shrinkToFit="1"/>
    </xf>
    <xf numFmtId="0" fontId="0" fillId="0" borderId="10" xfId="0" applyFont="1" applyFill="1" applyBorder="1" applyAlignment="1">
      <alignment vertical="center" shrinkToFit="1"/>
    </xf>
    <xf numFmtId="0" fontId="4" fillId="0" borderId="10" xfId="0" applyFont="1" applyFill="1" applyBorder="1" applyAlignment="1">
      <alignment vertical="center" shrinkToFit="1"/>
    </xf>
    <xf numFmtId="0" fontId="0" fillId="0" borderId="17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30"/>
  <sheetViews>
    <sheetView showGridLines="0" tabSelected="1" zoomScale="130" zoomScaleNormal="130" workbookViewId="0">
      <pane ySplit="4" topLeftCell="A5" activePane="bottomLeft" state="frozen"/>
      <selection pane="bottomLeft" activeCell="G17" sqref="G17"/>
    </sheetView>
  </sheetViews>
  <sheetFormatPr defaultRowHeight="13" x14ac:dyDescent="0.2"/>
  <cols>
    <col min="1" max="1" width="1.26953125" customWidth="1"/>
    <col min="2" max="2" width="35" style="4" customWidth="1"/>
    <col min="3" max="3" width="8.6328125" style="5" customWidth="1"/>
    <col min="4" max="4" width="35.36328125" style="4" customWidth="1"/>
    <col min="5" max="6" width="13.36328125" style="5" customWidth="1"/>
    <col min="7" max="7" width="24.36328125" style="2" bestFit="1" customWidth="1"/>
  </cols>
  <sheetData>
    <row r="2" spans="2:8" x14ac:dyDescent="0.2">
      <c r="B2" s="1" t="s">
        <v>0</v>
      </c>
      <c r="C2" s="3"/>
      <c r="D2" s="3"/>
      <c r="E2" s="3"/>
      <c r="F2" s="3"/>
    </row>
    <row r="3" spans="2:8" ht="13.5" thickBot="1" x14ac:dyDescent="0.25">
      <c r="C3" s="3"/>
      <c r="D3" s="3"/>
      <c r="E3" s="39" t="s">
        <v>123</v>
      </c>
      <c r="F3" s="39"/>
    </row>
    <row r="4" spans="2:8" s="14" customFormat="1" ht="23.15" customHeight="1" x14ac:dyDescent="0.2">
      <c r="B4" s="10" t="s">
        <v>109</v>
      </c>
      <c r="C4" s="11" t="s">
        <v>1</v>
      </c>
      <c r="D4" s="12" t="s">
        <v>2</v>
      </c>
      <c r="E4" s="11" t="s">
        <v>3</v>
      </c>
      <c r="F4" s="9" t="s">
        <v>101</v>
      </c>
      <c r="G4" s="13"/>
    </row>
    <row r="5" spans="2:8" s="13" customFormat="1" x14ac:dyDescent="0.2">
      <c r="B5" s="32" t="s">
        <v>120</v>
      </c>
      <c r="C5" s="15" t="s">
        <v>40</v>
      </c>
      <c r="D5" s="16" t="s">
        <v>4</v>
      </c>
      <c r="E5" s="15" t="s">
        <v>57</v>
      </c>
      <c r="F5" s="17" t="s">
        <v>58</v>
      </c>
    </row>
    <row r="6" spans="2:8" s="13" customFormat="1" x14ac:dyDescent="0.2">
      <c r="B6" s="18" t="s">
        <v>5</v>
      </c>
      <c r="C6" s="19" t="s">
        <v>121</v>
      </c>
      <c r="D6" s="37" t="s">
        <v>128</v>
      </c>
      <c r="E6" s="19" t="s">
        <v>61</v>
      </c>
      <c r="F6" s="20" t="s">
        <v>62</v>
      </c>
    </row>
    <row r="7" spans="2:8" s="13" customFormat="1" x14ac:dyDescent="0.2">
      <c r="B7" s="18" t="s">
        <v>38</v>
      </c>
      <c r="C7" s="19" t="s">
        <v>41</v>
      </c>
      <c r="D7" s="28" t="s">
        <v>39</v>
      </c>
      <c r="E7" s="19" t="s">
        <v>63</v>
      </c>
      <c r="F7" s="20" t="s">
        <v>64</v>
      </c>
    </row>
    <row r="8" spans="2:8" s="13" customFormat="1" x14ac:dyDescent="0.2">
      <c r="B8" s="18" t="s">
        <v>6</v>
      </c>
      <c r="C8" s="19" t="s">
        <v>42</v>
      </c>
      <c r="D8" s="28" t="s">
        <v>7</v>
      </c>
      <c r="E8" s="19" t="s">
        <v>65</v>
      </c>
      <c r="F8" s="20" t="s">
        <v>66</v>
      </c>
    </row>
    <row r="9" spans="2:8" s="13" customFormat="1" x14ac:dyDescent="0.2">
      <c r="B9" s="18" t="s">
        <v>99</v>
      </c>
      <c r="C9" s="19" t="s">
        <v>43</v>
      </c>
      <c r="D9" s="28" t="s">
        <v>36</v>
      </c>
      <c r="E9" s="19" t="s">
        <v>110</v>
      </c>
      <c r="F9" s="20" t="s">
        <v>67</v>
      </c>
    </row>
    <row r="10" spans="2:8" s="13" customFormat="1" x14ac:dyDescent="0.2">
      <c r="B10" s="18" t="s">
        <v>8</v>
      </c>
      <c r="C10" s="19" t="s">
        <v>34</v>
      </c>
      <c r="D10" s="28" t="s">
        <v>9</v>
      </c>
      <c r="E10" s="19" t="s">
        <v>68</v>
      </c>
      <c r="F10" s="20" t="s">
        <v>69</v>
      </c>
    </row>
    <row r="11" spans="2:8" s="13" customFormat="1" x14ac:dyDescent="0.2">
      <c r="B11" s="21" t="s">
        <v>10</v>
      </c>
      <c r="C11" s="19" t="s">
        <v>44</v>
      </c>
      <c r="D11" s="29" t="s">
        <v>11</v>
      </c>
      <c r="E11" s="22" t="s">
        <v>90</v>
      </c>
      <c r="F11" s="23" t="s">
        <v>91</v>
      </c>
      <c r="G11" s="13" t="s">
        <v>131</v>
      </c>
    </row>
    <row r="12" spans="2:8" s="13" customFormat="1" x14ac:dyDescent="0.2">
      <c r="B12" s="18" t="s">
        <v>12</v>
      </c>
      <c r="C12" s="19" t="s">
        <v>129</v>
      </c>
      <c r="D12" s="38" t="s">
        <v>130</v>
      </c>
      <c r="E12" s="19" t="s">
        <v>82</v>
      </c>
      <c r="F12" s="20" t="s">
        <v>83</v>
      </c>
      <c r="H12" s="6"/>
    </row>
    <row r="13" spans="2:8" s="13" customFormat="1" x14ac:dyDescent="0.2">
      <c r="B13" s="18" t="s">
        <v>13</v>
      </c>
      <c r="C13" s="19" t="s">
        <v>45</v>
      </c>
      <c r="D13" s="28" t="s">
        <v>14</v>
      </c>
      <c r="E13" s="19" t="s">
        <v>59</v>
      </c>
      <c r="F13" s="20" t="s">
        <v>60</v>
      </c>
    </row>
    <row r="14" spans="2:8" s="13" customFormat="1" x14ac:dyDescent="0.2">
      <c r="B14" s="33" t="s">
        <v>15</v>
      </c>
      <c r="C14" s="19" t="s">
        <v>35</v>
      </c>
      <c r="D14" s="34" t="s">
        <v>16</v>
      </c>
      <c r="E14" s="19" t="s">
        <v>122</v>
      </c>
      <c r="F14" s="35" t="s">
        <v>96</v>
      </c>
    </row>
    <row r="15" spans="2:8" s="13" customFormat="1" x14ac:dyDescent="0.2">
      <c r="B15" s="21" t="s">
        <v>37</v>
      </c>
      <c r="C15" s="22" t="s">
        <v>46</v>
      </c>
      <c r="D15" s="30" t="s">
        <v>17</v>
      </c>
      <c r="E15" s="22" t="s">
        <v>84</v>
      </c>
      <c r="F15" s="23" t="s">
        <v>85</v>
      </c>
    </row>
    <row r="16" spans="2:8" s="13" customFormat="1" x14ac:dyDescent="0.2">
      <c r="B16" s="18" t="s">
        <v>98</v>
      </c>
      <c r="C16" s="19" t="s">
        <v>47</v>
      </c>
      <c r="D16" s="28" t="s">
        <v>100</v>
      </c>
      <c r="E16" s="19" t="s">
        <v>70</v>
      </c>
      <c r="F16" s="20" t="s">
        <v>71</v>
      </c>
    </row>
    <row r="17" spans="2:7" s="13" customFormat="1" x14ac:dyDescent="0.2">
      <c r="B17" s="18" t="s">
        <v>33</v>
      </c>
      <c r="C17" s="19" t="s">
        <v>111</v>
      </c>
      <c r="D17" s="28" t="s">
        <v>112</v>
      </c>
      <c r="E17" s="19" t="s">
        <v>72</v>
      </c>
      <c r="F17" s="20" t="s">
        <v>113</v>
      </c>
    </row>
    <row r="18" spans="2:7" s="13" customFormat="1" x14ac:dyDescent="0.2">
      <c r="B18" s="36" t="s">
        <v>18</v>
      </c>
      <c r="C18" s="19" t="s">
        <v>124</v>
      </c>
      <c r="D18" s="37" t="s">
        <v>125</v>
      </c>
      <c r="E18" s="19" t="s">
        <v>126</v>
      </c>
      <c r="F18" s="20" t="s">
        <v>127</v>
      </c>
      <c r="G18" s="7"/>
    </row>
    <row r="19" spans="2:7" s="13" customFormat="1" x14ac:dyDescent="0.2">
      <c r="B19" s="18" t="s">
        <v>19</v>
      </c>
      <c r="C19" s="19" t="s">
        <v>48</v>
      </c>
      <c r="D19" s="28" t="s">
        <v>20</v>
      </c>
      <c r="E19" s="19" t="s">
        <v>74</v>
      </c>
      <c r="F19" s="20" t="s">
        <v>75</v>
      </c>
    </row>
    <row r="20" spans="2:7" s="13" customFormat="1" x14ac:dyDescent="0.2">
      <c r="B20" s="18" t="s">
        <v>21</v>
      </c>
      <c r="C20" s="19" t="s">
        <v>49</v>
      </c>
      <c r="D20" s="28" t="s">
        <v>22</v>
      </c>
      <c r="E20" s="19" t="s">
        <v>76</v>
      </c>
      <c r="F20" s="20" t="s">
        <v>77</v>
      </c>
    </row>
    <row r="21" spans="2:7" s="13" customFormat="1" x14ac:dyDescent="0.2">
      <c r="B21" s="18" t="s">
        <v>26</v>
      </c>
      <c r="C21" s="19" t="s">
        <v>107</v>
      </c>
      <c r="D21" s="28" t="s">
        <v>102</v>
      </c>
      <c r="E21" s="19" t="s">
        <v>103</v>
      </c>
      <c r="F21" s="20" t="s">
        <v>108</v>
      </c>
    </row>
    <row r="22" spans="2:7" s="13" customFormat="1" x14ac:dyDescent="0.2">
      <c r="B22" s="18" t="s">
        <v>23</v>
      </c>
      <c r="C22" s="19" t="s">
        <v>50</v>
      </c>
      <c r="D22" s="28" t="s">
        <v>119</v>
      </c>
      <c r="E22" s="19" t="s">
        <v>78</v>
      </c>
      <c r="F22" s="20" t="s">
        <v>79</v>
      </c>
    </row>
    <row r="23" spans="2:7" s="13" customFormat="1" x14ac:dyDescent="0.2">
      <c r="B23" s="18" t="s">
        <v>27</v>
      </c>
      <c r="C23" s="19" t="s">
        <v>51</v>
      </c>
      <c r="D23" s="28" t="s">
        <v>28</v>
      </c>
      <c r="E23" s="19" t="s">
        <v>94</v>
      </c>
      <c r="F23" s="20" t="s">
        <v>95</v>
      </c>
    </row>
    <row r="24" spans="2:7" s="13" customFormat="1" x14ac:dyDescent="0.2">
      <c r="B24" s="18" t="s">
        <v>24</v>
      </c>
      <c r="C24" s="19" t="s">
        <v>52</v>
      </c>
      <c r="D24" s="28" t="s">
        <v>25</v>
      </c>
      <c r="E24" s="19" t="s">
        <v>88</v>
      </c>
      <c r="F24" s="20" t="s">
        <v>89</v>
      </c>
    </row>
    <row r="25" spans="2:7" s="13" customFormat="1" x14ac:dyDescent="0.2">
      <c r="B25" s="18" t="s">
        <v>29</v>
      </c>
      <c r="C25" s="19" t="s">
        <v>53</v>
      </c>
      <c r="D25" s="28" t="s">
        <v>114</v>
      </c>
      <c r="E25" s="19" t="s">
        <v>73</v>
      </c>
      <c r="F25" s="20" t="s">
        <v>97</v>
      </c>
    </row>
    <row r="26" spans="2:7" s="13" customFormat="1" x14ac:dyDescent="0.2">
      <c r="B26" s="18" t="s">
        <v>30</v>
      </c>
      <c r="C26" s="19" t="s">
        <v>54</v>
      </c>
      <c r="D26" s="28" t="s">
        <v>115</v>
      </c>
      <c r="E26" s="19" t="s">
        <v>86</v>
      </c>
      <c r="F26" s="20" t="s">
        <v>87</v>
      </c>
    </row>
    <row r="27" spans="2:7" s="13" customFormat="1" x14ac:dyDescent="0.2">
      <c r="B27" s="18" t="s">
        <v>104</v>
      </c>
      <c r="C27" s="19" t="s">
        <v>105</v>
      </c>
      <c r="D27" s="28" t="s">
        <v>116</v>
      </c>
      <c r="E27" s="19" t="s">
        <v>92</v>
      </c>
      <c r="F27" s="20" t="s">
        <v>132</v>
      </c>
    </row>
    <row r="28" spans="2:7" s="13" customFormat="1" x14ac:dyDescent="0.2">
      <c r="B28" s="18" t="s">
        <v>32</v>
      </c>
      <c r="C28" s="19" t="s">
        <v>55</v>
      </c>
      <c r="D28" s="28" t="s">
        <v>117</v>
      </c>
      <c r="E28" s="19" t="s">
        <v>106</v>
      </c>
      <c r="F28" s="20" t="s">
        <v>93</v>
      </c>
    </row>
    <row r="29" spans="2:7" ht="13.5" thickBot="1" x14ac:dyDescent="0.25">
      <c r="B29" s="24" t="s">
        <v>31</v>
      </c>
      <c r="C29" s="25" t="s">
        <v>56</v>
      </c>
      <c r="D29" s="31" t="s">
        <v>118</v>
      </c>
      <c r="E29" s="26" t="s">
        <v>80</v>
      </c>
      <c r="F29" s="27" t="s">
        <v>81</v>
      </c>
    </row>
    <row r="30" spans="2:7" x14ac:dyDescent="0.2">
      <c r="E30" s="8"/>
    </row>
  </sheetData>
  <mergeCells count="1">
    <mergeCell ref="E3:F3"/>
  </mergeCells>
  <phoneticPr fontId="1"/>
  <printOptions horizontalCentered="1"/>
  <pageMargins left="0.78740157480314965" right="0.51181102362204722" top="0.78740157480314965" bottom="0.98425196850393704" header="0.51181102362204722" footer="0.51181102362204722"/>
  <pageSetup paperSize="9" scale="8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教育研究所</vt:lpstr>
      <vt:lpstr>教育研究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3-24T05:53:44Z</cp:lastPrinted>
  <dcterms:created xsi:type="dcterms:W3CDTF">2009-12-22T06:54:43Z</dcterms:created>
  <dcterms:modified xsi:type="dcterms:W3CDTF">2024-03-28T04:40:23Z</dcterms:modified>
</cp:coreProperties>
</file>